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0-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0-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iddendelf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72053D63-0AF4-CEE6-8690-E41CCD83317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05066" y="4845710"/>
            <a:ext cx="2843215" cy="177985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C10E193-EBE8-82C3-B6F2-02384533AF2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0953" y="4015908"/>
            <a:ext cx="2055562" cy="128678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5-30T08:30:39Z</dcterms:modified>
</cp:coreProperties>
</file>